
<file path=[Content_Types].xml><?xml version="1.0" encoding="utf-8"?>
<Types xmlns="http://schemas.openxmlformats.org/package/2006/content-types"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docProps/core.xml" ContentType="application/vnd.openxmlformats-package.core-propertie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Default Extension="jpeg" ContentType="image/jpeg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15" d="100"/>
          <a:sy n="115" d="100"/>
        </p:scale>
        <p:origin x="-1572" y="-108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EA54D09-FFA1-42AD-AA08-5DEC322F631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5EDC70-CE92-4A26-B24F-ABC5A7E6B48E}" type="slidenum">
              <a:rPr lang="en-US" smtClean="0"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OTLSHAPE_T_cf81ab7ff9cb48ac8d3acbad2ba24bb1_RightVerticalConnector1"/>
          <p:cNvCxnSpPr/>
          <p:nvPr/>
        </p:nvCxnSpPr>
        <p:spPr>
          <a:xfrm flipV="1">
            <a:off x="7273213" y="1758209"/>
            <a:ext cx="0" cy="45260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f81ab7ff9cb48ac8d3acbad2ba24bb1_LeftVerticalConnector1"/>
          <p:cNvCxnSpPr/>
          <p:nvPr/>
        </p:nvCxnSpPr>
        <p:spPr>
          <a:xfrm flipV="1">
            <a:off x="6347420" y="1758208"/>
            <a:ext cx="0" cy="45260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ae5a182be91f444abce34637de22379e_LeftVerticalConnector2"/>
          <p:cNvCxnSpPr/>
          <p:nvPr/>
        </p:nvCxnSpPr>
        <p:spPr>
          <a:xfrm>
            <a:off x="5324175" y="5339228"/>
            <a:ext cx="0" cy="52332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ae5a182be91f444abce34637de22379e_LeftVerticalConnector1"/>
          <p:cNvCxnSpPr/>
          <p:nvPr/>
        </p:nvCxnSpPr>
        <p:spPr>
          <a:xfrm>
            <a:off x="5324175" y="1758208"/>
            <a:ext cx="0" cy="342599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540d0ce968114c26818896fcbe3eb0e0_LeftVerticalConnector1"/>
          <p:cNvCxnSpPr/>
          <p:nvPr/>
        </p:nvCxnSpPr>
        <p:spPr>
          <a:xfrm flipV="1">
            <a:off x="4983094" y="1758209"/>
            <a:ext cx="0" cy="368261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c960667e25bc46d6859b501884546ee0_LeftVerticalConnector2"/>
          <p:cNvCxnSpPr/>
          <p:nvPr/>
        </p:nvCxnSpPr>
        <p:spPr>
          <a:xfrm>
            <a:off x="4300930" y="3855529"/>
            <a:ext cx="0" cy="116357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c960667e25bc46d6859b501884546ee0_LeftVerticalConnector1"/>
          <p:cNvCxnSpPr/>
          <p:nvPr/>
        </p:nvCxnSpPr>
        <p:spPr>
          <a:xfrm>
            <a:off x="4300930" y="1758208"/>
            <a:ext cx="0" cy="189412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3d5e9dd070564a1886bc622bcfe92471_LeftVerticalConnector3"/>
          <p:cNvCxnSpPr/>
          <p:nvPr/>
        </p:nvCxnSpPr>
        <p:spPr>
          <a:xfrm>
            <a:off x="3277686" y="4074053"/>
            <a:ext cx="0" cy="52332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3d5e9dd070564a1886bc622bcfe92471_LeftVerticalConnector2"/>
          <p:cNvCxnSpPr/>
          <p:nvPr/>
        </p:nvCxnSpPr>
        <p:spPr>
          <a:xfrm>
            <a:off x="3277686" y="3855529"/>
            <a:ext cx="0" cy="635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3d5e9dd070564a1886bc622bcfe92471_LeftVerticalConnector1"/>
          <p:cNvCxnSpPr/>
          <p:nvPr/>
        </p:nvCxnSpPr>
        <p:spPr>
          <a:xfrm>
            <a:off x="3277686" y="1758209"/>
            <a:ext cx="0" cy="173909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a4c9182f01f440bbb0327fa1a32daa1_LeftVerticalConnector3"/>
          <p:cNvCxnSpPr/>
          <p:nvPr/>
        </p:nvCxnSpPr>
        <p:spPr>
          <a:xfrm>
            <a:off x="2595522" y="3839188"/>
            <a:ext cx="0" cy="3364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6a4c9182f01f440bbb0327fa1a32daa1_LeftVerticalConnector2"/>
          <p:cNvCxnSpPr/>
          <p:nvPr/>
        </p:nvCxnSpPr>
        <p:spPr>
          <a:xfrm>
            <a:off x="2595522" y="3433804"/>
            <a:ext cx="0" cy="2348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6a4c9182f01f440bbb0327fa1a32daa1_LeftVerticalConnector1"/>
          <p:cNvCxnSpPr/>
          <p:nvPr/>
        </p:nvCxnSpPr>
        <p:spPr>
          <a:xfrm>
            <a:off x="2595522" y="1758210"/>
            <a:ext cx="0" cy="131737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669d826ef9a24075996cfa2b0b13af00_RightVerticalConnector1"/>
          <p:cNvCxnSpPr/>
          <p:nvPr/>
        </p:nvCxnSpPr>
        <p:spPr>
          <a:xfrm flipV="1">
            <a:off x="4544560" y="1758209"/>
            <a:ext cx="0" cy="199572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69d826ef9a24075996cfa2b0b13af00_LeftVerticalConnector1"/>
          <p:cNvCxnSpPr/>
          <p:nvPr/>
        </p:nvCxnSpPr>
        <p:spPr>
          <a:xfrm flipV="1">
            <a:off x="3131508" y="1758209"/>
            <a:ext cx="0" cy="199572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878cc05e64d4837b9311befbea63c4c_LeftVerticalConnector2"/>
          <p:cNvCxnSpPr/>
          <p:nvPr/>
        </p:nvCxnSpPr>
        <p:spPr>
          <a:xfrm>
            <a:off x="2156989" y="2808879"/>
            <a:ext cx="0" cy="52332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878cc05e64d4837b9311befbea63c4c_LeftVerticalConnector1"/>
          <p:cNvCxnSpPr/>
          <p:nvPr/>
        </p:nvCxnSpPr>
        <p:spPr>
          <a:xfrm>
            <a:off x="2156989" y="1758208"/>
            <a:ext cx="0" cy="895646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d38b8ffe9959467aaa34886698a9512a_LeftVerticalConnector2"/>
          <p:cNvCxnSpPr/>
          <p:nvPr/>
        </p:nvCxnSpPr>
        <p:spPr>
          <a:xfrm>
            <a:off x="1621003" y="2387155"/>
            <a:ext cx="0" cy="52332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d38b8ffe9959467aaa34886698a9512a_LeftVerticalConnector1"/>
          <p:cNvCxnSpPr/>
          <p:nvPr/>
        </p:nvCxnSpPr>
        <p:spPr>
          <a:xfrm>
            <a:off x="1621003" y="1758209"/>
            <a:ext cx="0" cy="47392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30a8482622949a8a9ceb84507192da0_LeftVerticalConnector1"/>
          <p:cNvCxnSpPr/>
          <p:nvPr/>
        </p:nvCxnSpPr>
        <p:spPr>
          <a:xfrm flipV="1">
            <a:off x="1231196" y="1758209"/>
            <a:ext cx="0" cy="730546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cfb29d5901664692857972fe6fa80256_Connector1"/>
          <p:cNvCxnSpPr/>
          <p:nvPr/>
        </p:nvCxnSpPr>
        <p:spPr>
          <a:xfrm>
            <a:off x="6158866" y="1055687"/>
            <a:ext cx="0" cy="44852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6e00f4d0850d4b8a87b9e0370a4af0de_Connector1"/>
          <p:cNvCxnSpPr/>
          <p:nvPr/>
        </p:nvCxnSpPr>
        <p:spPr>
          <a:xfrm>
            <a:off x="4283968" y="1052736"/>
            <a:ext cx="0" cy="448521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88d972cfd7664985b6d4602e47e5f5ff_Connector1"/>
          <p:cNvCxnSpPr/>
          <p:nvPr/>
        </p:nvCxnSpPr>
        <p:spPr>
          <a:xfrm>
            <a:off x="3563888" y="692696"/>
            <a:ext cx="0" cy="913764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RightEndCaps"/>
          <p:cNvSpPr txBox="1"/>
          <p:nvPr/>
        </p:nvSpPr>
        <p:spPr>
          <a:xfrm>
            <a:off x="8506190" y="1555178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/>
              </a:rPr>
              <a:t>2015</a:t>
            </a:r>
            <a:endParaRPr lang="en-US" b="1" spc="-38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28" name="OTLSHAPE_TB_00000000000000000000000000000000_ScaleContainer"/>
          <p:cNvSpPr/>
          <p:nvPr/>
        </p:nvSpPr>
        <p:spPr>
          <a:xfrm>
            <a:off x="924121" y="1504209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29" name="OTLSHAPE_TB_00000000000000000000000000000000_ElapsedTime"/>
          <p:cNvSpPr/>
          <p:nvPr/>
        </p:nvSpPr>
        <p:spPr>
          <a:xfrm>
            <a:off x="924121" y="1504209"/>
            <a:ext cx="5422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>
            <a:noFill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30" name="OTLSHAPE_TB_00000000000000000000000000000000_TodayMarkerShape"/>
          <p:cNvSpPr/>
          <p:nvPr/>
        </p:nvSpPr>
        <p:spPr>
          <a:xfrm>
            <a:off x="6280387" y="1885209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31" name="OTLSHAPE_TB_00000000000000000000000000000000_TodayMarkerText"/>
          <p:cNvSpPr txBox="1"/>
          <p:nvPr/>
        </p:nvSpPr>
        <p:spPr>
          <a:xfrm>
            <a:off x="6154687" y="2012209"/>
            <a:ext cx="3683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2" name="OTLSHAPE_TB_00000000000000000000000000000000_TimescaleInterval1"/>
          <p:cNvSpPr txBox="1"/>
          <p:nvPr/>
        </p:nvSpPr>
        <p:spPr>
          <a:xfrm>
            <a:off x="1152721" y="1601681"/>
            <a:ext cx="2794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May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3" name="OTLSHAPE_TB_00000000000000000000000000000000_Separator1"/>
          <p:cNvCxnSpPr/>
          <p:nvPr/>
        </p:nvCxnSpPr>
        <p:spPr>
          <a:xfrm>
            <a:off x="2532821" y="15677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2"/>
          <p:cNvSpPr txBox="1"/>
          <p:nvPr/>
        </p:nvSpPr>
        <p:spPr>
          <a:xfrm>
            <a:off x="2596322" y="1601681"/>
            <a:ext cx="2159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Jun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5" name="OTLSHAPE_TB_00000000000000000000000000000000_Separator2"/>
          <p:cNvCxnSpPr/>
          <p:nvPr/>
        </p:nvCxnSpPr>
        <p:spPr>
          <a:xfrm>
            <a:off x="3929855" y="15677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3"/>
          <p:cNvSpPr txBox="1"/>
          <p:nvPr/>
        </p:nvSpPr>
        <p:spPr>
          <a:xfrm>
            <a:off x="3993355" y="1601681"/>
            <a:ext cx="1651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Jul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7" name="OTLSHAPE_TB_00000000000000000000000000000000_Separator3"/>
          <p:cNvCxnSpPr/>
          <p:nvPr/>
        </p:nvCxnSpPr>
        <p:spPr>
          <a:xfrm>
            <a:off x="5373456" y="15677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4"/>
          <p:cNvSpPr txBox="1"/>
          <p:nvPr/>
        </p:nvSpPr>
        <p:spPr>
          <a:xfrm>
            <a:off x="5436956" y="1601681"/>
            <a:ext cx="2413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Aug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9" name="OTLSHAPE_TB_00000000000000000000000000000000_Separator4"/>
          <p:cNvCxnSpPr/>
          <p:nvPr/>
        </p:nvCxnSpPr>
        <p:spPr>
          <a:xfrm>
            <a:off x="6817057" y="15677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5"/>
          <p:cNvSpPr txBox="1"/>
          <p:nvPr/>
        </p:nvSpPr>
        <p:spPr>
          <a:xfrm>
            <a:off x="6880557" y="1601681"/>
            <a:ext cx="2286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Sep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1" name="OTLSHAPE_M_88d972cfd7664985b6d4602e47e5f5ff_Title"/>
          <p:cNvSpPr txBox="1"/>
          <p:nvPr/>
        </p:nvSpPr>
        <p:spPr>
          <a:xfrm>
            <a:off x="3707904" y="476672"/>
            <a:ext cx="2006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2" dirty="0" smtClean="0">
                <a:solidFill>
                  <a:schemeClr val="dk1"/>
                </a:solidFill>
                <a:latin typeface="Calibri"/>
              </a:rPr>
              <a:t>PCB Manufactured and Assembled</a:t>
            </a:r>
            <a:endParaRPr lang="en-US" sz="11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2" name="OTLSHAPE_M_88d972cfd7664985b6d4602e47e5f5ff_Date"/>
          <p:cNvSpPr txBox="1"/>
          <p:nvPr/>
        </p:nvSpPr>
        <p:spPr>
          <a:xfrm>
            <a:off x="3707904" y="692696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5/15/2015</a:t>
            </a:r>
            <a:endParaRPr lang="en-US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3" name="OTLSHAPE_M_88d972cfd7664985b6d4602e47e5f5ff_Shape"/>
          <p:cNvSpPr/>
          <p:nvPr/>
        </p:nvSpPr>
        <p:spPr>
          <a:xfrm rot="16200000">
            <a:off x="3563888" y="620688"/>
            <a:ext cx="165100" cy="165100"/>
          </a:xfrm>
          <a:prstGeom prst="flowChartMerge">
            <a:avLst/>
          </a:prstGeom>
          <a:solidFill>
            <a:srgbClr val="2F3699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44" name="OTLSHAPE_M_6e00f4d0850d4b8a87b9e0370a4af0de_Title"/>
          <p:cNvSpPr txBox="1"/>
          <p:nvPr/>
        </p:nvSpPr>
        <p:spPr>
          <a:xfrm>
            <a:off x="4427984" y="908720"/>
            <a:ext cx="14732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FPGA Development Done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5" name="OTLSHAPE_M_6e00f4d0850d4b8a87b9e0370a4af0de_Date"/>
          <p:cNvSpPr txBox="1"/>
          <p:nvPr/>
        </p:nvSpPr>
        <p:spPr>
          <a:xfrm>
            <a:off x="4427984" y="1124744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6/19/2015</a:t>
            </a:r>
            <a:endParaRPr lang="en-US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6" name="OTLSHAPE_M_6e00f4d0850d4b8a87b9e0370a4af0de_Shape"/>
          <p:cNvSpPr/>
          <p:nvPr/>
        </p:nvSpPr>
        <p:spPr>
          <a:xfrm rot="16200000">
            <a:off x="4283968" y="1052736"/>
            <a:ext cx="165100" cy="165100"/>
          </a:xfrm>
          <a:prstGeom prst="flowChartMerge">
            <a:avLst/>
          </a:prstGeom>
          <a:solidFill>
            <a:schemeClr val="accent1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47" name="OTLSHAPE_M_cfb29d5901664692857972fe6fa80256_Title"/>
          <p:cNvSpPr txBox="1"/>
          <p:nvPr/>
        </p:nvSpPr>
        <p:spPr>
          <a:xfrm>
            <a:off x="6300192" y="908720"/>
            <a:ext cx="16764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Software Development Done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8" name="OTLSHAPE_M_cfb29d5901664692857972fe6fa80256_Date"/>
          <p:cNvSpPr txBox="1"/>
          <p:nvPr/>
        </p:nvSpPr>
        <p:spPr>
          <a:xfrm>
            <a:off x="6300192" y="1124744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8/12/2015</a:t>
            </a:r>
            <a:endParaRPr lang="en-US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" name="OTLSHAPE_M_cfb29d5901664692857972fe6fa80256_Shape"/>
          <p:cNvSpPr/>
          <p:nvPr/>
        </p:nvSpPr>
        <p:spPr>
          <a:xfrm rot="16200000">
            <a:off x="6156176" y="1052736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50" name="OTLSHAPE_T_e30a8482622949a8a9ceb84507192da0_Shape"/>
          <p:cNvSpPr/>
          <p:nvPr/>
        </p:nvSpPr>
        <p:spPr>
          <a:xfrm>
            <a:off x="1231196" y="2387155"/>
            <a:ext cx="393700" cy="203200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51" name="OTLSHAPE_T_e30a8482622949a8a9ceb84507192da0_JoinedDate"/>
          <p:cNvSpPr txBox="1"/>
          <p:nvPr/>
        </p:nvSpPr>
        <p:spPr>
          <a:xfrm>
            <a:off x="1231196" y="2232130"/>
            <a:ext cx="8001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May 4 - May 11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" name="OTLSHAPE_T_e30a8482622949a8a9ceb84507192da0_Title"/>
          <p:cNvSpPr txBox="1"/>
          <p:nvPr/>
        </p:nvSpPr>
        <p:spPr>
          <a:xfrm>
            <a:off x="167910" y="2403495"/>
            <a:ext cx="10160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Schematic Design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3" name="OTLSHAPE_T_d38b8ffe9959467aaa34886698a9512a_Shape"/>
          <p:cNvSpPr/>
          <p:nvPr/>
        </p:nvSpPr>
        <p:spPr>
          <a:xfrm>
            <a:off x="1621003" y="2808879"/>
            <a:ext cx="546100" cy="203200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54" name="OTLSHAPE_T_d38b8ffe9959467aaa34886698a9512a_JoinedDate"/>
          <p:cNvSpPr txBox="1"/>
          <p:nvPr/>
        </p:nvSpPr>
        <p:spPr>
          <a:xfrm>
            <a:off x="1621003" y="2653855"/>
            <a:ext cx="8636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May 12 - May 22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5" name="OTLSHAPE_T_d38b8ffe9959467aaa34886698a9512a_Title"/>
          <p:cNvSpPr txBox="1"/>
          <p:nvPr/>
        </p:nvSpPr>
        <p:spPr>
          <a:xfrm>
            <a:off x="923350" y="2825220"/>
            <a:ext cx="647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PCB Layout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6" name="OTLSHAPE_T_0878cc05e64d4837b9311befbea63c4c_Shape"/>
          <p:cNvSpPr/>
          <p:nvPr/>
        </p:nvSpPr>
        <p:spPr>
          <a:xfrm>
            <a:off x="2156989" y="3230604"/>
            <a:ext cx="977900" cy="203200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57" name="OTLSHAPE_T_0878cc05e64d4837b9311befbea63c4c_JoinedDate"/>
          <p:cNvSpPr txBox="1"/>
          <p:nvPr/>
        </p:nvSpPr>
        <p:spPr>
          <a:xfrm>
            <a:off x="2156989" y="3075579"/>
            <a:ext cx="812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May 23 - Jun 11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8" name="OTLSHAPE_T_0878cc05e64d4837b9311befbea63c4c_Title"/>
          <p:cNvSpPr txBox="1"/>
          <p:nvPr/>
        </p:nvSpPr>
        <p:spPr>
          <a:xfrm>
            <a:off x="879199" y="3246945"/>
            <a:ext cx="12319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Review and Approval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9" name="OTLSHAPE_T_669d826ef9a24075996cfa2b0b13af00_Shape"/>
          <p:cNvSpPr/>
          <p:nvPr/>
        </p:nvSpPr>
        <p:spPr>
          <a:xfrm>
            <a:off x="3131508" y="3652329"/>
            <a:ext cx="1422400" cy="203200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60" name="OTLSHAPE_T_669d826ef9a24075996cfa2b0b13af00_JoinedDate"/>
          <p:cNvSpPr txBox="1"/>
          <p:nvPr/>
        </p:nvSpPr>
        <p:spPr>
          <a:xfrm>
            <a:off x="3131508" y="3497304"/>
            <a:ext cx="7239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Jun 12 - Jul 10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1" name="OTLSHAPE_T_669d826ef9a24075996cfa2b0b13af00_Title"/>
          <p:cNvSpPr txBox="1"/>
          <p:nvPr/>
        </p:nvSpPr>
        <p:spPr>
          <a:xfrm>
            <a:off x="944864" y="3668669"/>
            <a:ext cx="2146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/>
              </a:rPr>
              <a:t>Manufacture, Delivery and Assembly</a:t>
            </a:r>
            <a:endParaRPr lang="en-US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2" name="OTLSHAPE_T_6a4c9182f01f440bbb0327fa1a32daa1_Shape"/>
          <p:cNvSpPr/>
          <p:nvPr/>
        </p:nvSpPr>
        <p:spPr>
          <a:xfrm>
            <a:off x="2595522" y="4074054"/>
            <a:ext cx="685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63" name="OTLSHAPE_T_6a4c9182f01f440bbb0327fa1a32daa1_JoinedDate"/>
          <p:cNvSpPr txBox="1"/>
          <p:nvPr/>
        </p:nvSpPr>
        <p:spPr>
          <a:xfrm>
            <a:off x="2595522" y="3919029"/>
            <a:ext cx="6985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Jun 1 - Jun 1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" name="OTLSHAPE_T_6a4c9182f01f440bbb0327fa1a32daa1_Title"/>
          <p:cNvSpPr txBox="1"/>
          <p:nvPr/>
        </p:nvSpPr>
        <p:spPr>
          <a:xfrm>
            <a:off x="1265282" y="4090394"/>
            <a:ext cx="1282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Block Implementation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5" name="OTLSHAPE_T_3d5e9dd070564a1886bc622bcfe92471_Shape"/>
          <p:cNvSpPr/>
          <p:nvPr/>
        </p:nvSpPr>
        <p:spPr>
          <a:xfrm>
            <a:off x="3277686" y="4495778"/>
            <a:ext cx="1028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66" name="OTLSHAPE_T_3d5e9dd070564a1886bc622bcfe92471_JoinedDate"/>
          <p:cNvSpPr txBox="1"/>
          <p:nvPr/>
        </p:nvSpPr>
        <p:spPr>
          <a:xfrm>
            <a:off x="3277686" y="4340754"/>
            <a:ext cx="6604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Jun 15 - Jul 5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7" name="OTLSHAPE_T_3d5e9dd070564a1886bc622bcfe92471_Title"/>
          <p:cNvSpPr txBox="1"/>
          <p:nvPr/>
        </p:nvSpPr>
        <p:spPr>
          <a:xfrm>
            <a:off x="1301269" y="4512119"/>
            <a:ext cx="19304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Microcontoller and CPU Interface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8" name="OTLSHAPE_T_c960667e25bc46d6859b501884546ee0_Shape"/>
          <p:cNvSpPr/>
          <p:nvPr/>
        </p:nvSpPr>
        <p:spPr>
          <a:xfrm>
            <a:off x="4300930" y="4917503"/>
            <a:ext cx="6858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69" name="OTLSHAPE_T_c960667e25bc46d6859b501884546ee0_JoinedDate"/>
          <p:cNvSpPr txBox="1"/>
          <p:nvPr/>
        </p:nvSpPr>
        <p:spPr>
          <a:xfrm>
            <a:off x="4300930" y="4762478"/>
            <a:ext cx="622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Jul 6 - Jul 19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0" name="OTLSHAPE_T_c960667e25bc46d6859b501884546ee0_Title"/>
          <p:cNvSpPr txBox="1"/>
          <p:nvPr/>
        </p:nvSpPr>
        <p:spPr>
          <a:xfrm>
            <a:off x="1367865" y="4933843"/>
            <a:ext cx="28829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Introduction to Visual Studio and .NET framework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1" name="OTLSHAPE_T_540d0ce968114c26818896fcbe3eb0e0_Shape"/>
          <p:cNvSpPr/>
          <p:nvPr/>
        </p:nvSpPr>
        <p:spPr>
          <a:xfrm>
            <a:off x="4983094" y="5339228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72" name="OTLSHAPE_T_540d0ce968114c26818896fcbe3eb0e0_JoinedDate"/>
          <p:cNvSpPr txBox="1"/>
          <p:nvPr/>
        </p:nvSpPr>
        <p:spPr>
          <a:xfrm>
            <a:off x="4983094" y="5184203"/>
            <a:ext cx="685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Jul 20 - Jul 26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3" name="OTLSHAPE_T_540d0ce968114c26818896fcbe3eb0e0_Title"/>
          <p:cNvSpPr txBox="1"/>
          <p:nvPr/>
        </p:nvSpPr>
        <p:spPr>
          <a:xfrm>
            <a:off x="2636134" y="5355568"/>
            <a:ext cx="22987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Microcontoller Interface and Data Entry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4" name="OTLSHAPE_T_ae5a182be91f444abce34637de22379e_Shape"/>
          <p:cNvSpPr/>
          <p:nvPr/>
        </p:nvSpPr>
        <p:spPr>
          <a:xfrm>
            <a:off x="5324175" y="5760952"/>
            <a:ext cx="10287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75" name="OTLSHAPE_T_ae5a182be91f444abce34637de22379e_JoinedDate"/>
          <p:cNvSpPr txBox="1"/>
          <p:nvPr/>
        </p:nvSpPr>
        <p:spPr>
          <a:xfrm>
            <a:off x="5324175" y="5605928"/>
            <a:ext cx="749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Jul 27 - Aug 16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" name="OTLSHAPE_T_ae5a182be91f444abce34637de22379e_Title"/>
          <p:cNvSpPr txBox="1"/>
          <p:nvPr/>
        </p:nvSpPr>
        <p:spPr>
          <a:xfrm>
            <a:off x="3702047" y="5777293"/>
            <a:ext cx="1574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Functionality Development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7" name="OTLSHAPE_T_cf81ab7ff9cb48ac8d3acbad2ba24bb1_Shape"/>
          <p:cNvSpPr/>
          <p:nvPr/>
        </p:nvSpPr>
        <p:spPr>
          <a:xfrm>
            <a:off x="6347420" y="6182677"/>
            <a:ext cx="9271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dirty="0">
              <a:solidFill>
                <a:srgbClr val="FFC000"/>
              </a:solidFill>
            </a:endParaRPr>
          </a:p>
        </p:txBody>
      </p:sp>
      <p:sp>
        <p:nvSpPr>
          <p:cNvPr id="78" name="OTLSHAPE_T_cf81ab7ff9cb48ac8d3acbad2ba24bb1_JoinedDate"/>
          <p:cNvSpPr txBox="1"/>
          <p:nvPr/>
        </p:nvSpPr>
        <p:spPr>
          <a:xfrm>
            <a:off x="6347420" y="6027652"/>
            <a:ext cx="7366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/>
              </a:rPr>
              <a:t>Aug 17 - Sep 4</a:t>
            </a:r>
            <a:endParaRPr lang="en-US" sz="1000" spc="-4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9" name="OTLSHAPE_T_cf81ab7ff9cb48ac8d3acbad2ba24bb1_Title"/>
          <p:cNvSpPr txBox="1"/>
          <p:nvPr/>
        </p:nvSpPr>
        <p:spPr>
          <a:xfrm>
            <a:off x="3836164" y="6199018"/>
            <a:ext cx="24638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Improvement, Review and Documentation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7" name="OTLSHAPE_M_cfb29d5901664692857972fe6fa80256_Connector1"/>
          <p:cNvCxnSpPr/>
          <p:nvPr>
            <p:custDataLst>
              <p:tags r:id="rId2"/>
            </p:custDataLst>
          </p:nvPr>
        </p:nvCxnSpPr>
        <p:spPr>
          <a:xfrm>
            <a:off x="5858964" y="2599479"/>
            <a:ext cx="0" cy="44852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M_6e00f4d0850d4b8a87b9e0370a4af0de_Connector1"/>
          <p:cNvCxnSpPr/>
          <p:nvPr>
            <p:custDataLst>
              <p:tags r:id="rId3"/>
            </p:custDataLst>
          </p:nvPr>
        </p:nvCxnSpPr>
        <p:spPr>
          <a:xfrm>
            <a:off x="3344304" y="2599479"/>
            <a:ext cx="0" cy="448521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M_88d972cfd7664985b6d4602e47e5f5ff_Connector1"/>
          <p:cNvCxnSpPr/>
          <p:nvPr>
            <p:custDataLst>
              <p:tags r:id="rId4"/>
            </p:custDataLst>
          </p:nvPr>
        </p:nvCxnSpPr>
        <p:spPr>
          <a:xfrm>
            <a:off x="1714431" y="2599479"/>
            <a:ext cx="0" cy="448521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/>
              </a:rPr>
              <a:t>2015</a:t>
            </a:r>
            <a:endParaRPr 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291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4265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/>
              </a:rPr>
              <a:t>2015</a:t>
            </a:r>
            <a:endParaRPr lang="en-US" b="1" spc="-38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292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844465" y="3048000"/>
            <a:ext cx="6679863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TB_00000000000000000000000000000000_ElapsedTime"/>
          <p:cNvSpPr/>
          <p:nvPr>
            <p:custDataLst>
              <p:tags r:id="rId8"/>
            </p:custDataLst>
          </p:nvPr>
        </p:nvSpPr>
        <p:spPr>
          <a:xfrm>
            <a:off x="844465" y="3048000"/>
            <a:ext cx="54102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>
            <a:noFill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TB_00000000000000000000000000000000_TodayMarkerShape"/>
          <p:cNvSpPr/>
          <p:nvPr>
            <p:custDataLst>
              <p:tags r:id="rId9"/>
            </p:custDataLst>
          </p:nvPr>
        </p:nvSpPr>
        <p:spPr>
          <a:xfrm>
            <a:off x="6199959" y="3429000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TB_00000000000000000000000000000000_TodayMarkerText"/>
          <p:cNvSpPr txBox="1"/>
          <p:nvPr>
            <p:custDataLst>
              <p:tags r:id="rId10"/>
            </p:custDataLst>
          </p:nvPr>
        </p:nvSpPr>
        <p:spPr>
          <a:xfrm>
            <a:off x="6074260" y="3556000"/>
            <a:ext cx="36830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6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1073065" y="3145472"/>
            <a:ext cx="269451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May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7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245316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8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516666" y="3145472"/>
            <a:ext cx="208703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Jun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9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85019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0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913699" y="3145472"/>
            <a:ext cx="163618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Jul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01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529380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2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357300" y="3145472"/>
            <a:ext cx="239987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Aug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03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73740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4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6800901" y="3145472"/>
            <a:ext cx="225890" cy="1860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/>
              </a:rPr>
              <a:t>Sep</a:t>
            </a:r>
            <a:endParaRPr lang="en-US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08" name="OTLSHAPE_M_88d972cfd7664985b6d4602e47e5f5ff_Title"/>
          <p:cNvSpPr txBox="1"/>
          <p:nvPr>
            <p:custDataLst>
              <p:tags r:id="rId20"/>
            </p:custDataLst>
          </p:nvPr>
        </p:nvSpPr>
        <p:spPr>
          <a:xfrm>
            <a:off x="1936681" y="2481156"/>
            <a:ext cx="6604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PCB Design</a:t>
            </a:r>
            <a:endParaRPr lang="en-US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9" name="OTLSHAPE_M_88d972cfd7664985b6d4602e47e5f5ff_Date"/>
          <p:cNvSpPr txBox="1"/>
          <p:nvPr>
            <p:custDataLst>
              <p:tags r:id="rId21"/>
            </p:custDataLst>
          </p:nvPr>
        </p:nvSpPr>
        <p:spPr>
          <a:xfrm>
            <a:off x="1936681" y="2677075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5/15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0" name="OTLSHAPE_M_88d972cfd7664985b6d4602e47e5f5ff_Shape"/>
          <p:cNvSpPr/>
          <p:nvPr>
            <p:custDataLst>
              <p:tags r:id="rId22"/>
            </p:custDataLst>
          </p:nvPr>
        </p:nvSpPr>
        <p:spPr>
          <a:xfrm rot="16200000">
            <a:off x="1739831" y="2599478"/>
            <a:ext cx="165100" cy="165100"/>
          </a:xfrm>
          <a:prstGeom prst="flowChartMerge">
            <a:avLst/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M_6e00f4d0850d4b8a87b9e0370a4af0de_Title"/>
          <p:cNvSpPr txBox="1"/>
          <p:nvPr>
            <p:custDataLst>
              <p:tags r:id="rId23"/>
            </p:custDataLst>
          </p:nvPr>
        </p:nvSpPr>
        <p:spPr>
          <a:xfrm>
            <a:off x="3566554" y="2481156"/>
            <a:ext cx="11303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FPGA Development</a:t>
            </a:r>
            <a:endParaRPr lang="en-US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12" name="OTLSHAPE_M_6e00f4d0850d4b8a87b9e0370a4af0de_Date"/>
          <p:cNvSpPr txBox="1"/>
          <p:nvPr>
            <p:custDataLst>
              <p:tags r:id="rId24"/>
            </p:custDataLst>
          </p:nvPr>
        </p:nvSpPr>
        <p:spPr>
          <a:xfrm>
            <a:off x="3566554" y="2677075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6/19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3" name="OTLSHAPE_M_6e00f4d0850d4b8a87b9e0370a4af0de_Shape"/>
          <p:cNvSpPr/>
          <p:nvPr>
            <p:custDataLst>
              <p:tags r:id="rId25"/>
            </p:custDataLst>
          </p:nvPr>
        </p:nvSpPr>
        <p:spPr>
          <a:xfrm rot="16200000">
            <a:off x="3369704" y="2599478"/>
            <a:ext cx="165100" cy="165100"/>
          </a:xfrm>
          <a:prstGeom prst="flowChartMerge">
            <a:avLst/>
          </a:prstGeom>
          <a:solidFill>
            <a:schemeClr val="accent1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M_cfb29d5901664692857972fe6fa80256_Title"/>
          <p:cNvSpPr txBox="1"/>
          <p:nvPr>
            <p:custDataLst>
              <p:tags r:id="rId26"/>
            </p:custDataLst>
          </p:nvPr>
        </p:nvSpPr>
        <p:spPr>
          <a:xfrm>
            <a:off x="6081214" y="2481156"/>
            <a:ext cx="13462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/>
              </a:rPr>
              <a:t>Software Development</a:t>
            </a:r>
            <a:endParaRPr lang="en-US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15" name="OTLSHAPE_M_cfb29d5901664692857972fe6fa80256_Date"/>
          <p:cNvSpPr txBox="1"/>
          <p:nvPr>
            <p:custDataLst>
              <p:tags r:id="rId27"/>
            </p:custDataLst>
          </p:nvPr>
        </p:nvSpPr>
        <p:spPr>
          <a:xfrm>
            <a:off x="6081214" y="2677075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8/12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6" name="OTLSHAPE_M_cfb29d5901664692857972fe6fa80256_Shape"/>
          <p:cNvSpPr/>
          <p:nvPr>
            <p:custDataLst>
              <p:tags r:id="rId28"/>
            </p:custDataLst>
          </p:nvPr>
        </p:nvSpPr>
        <p:spPr>
          <a:xfrm rot="16200000">
            <a:off x="5884364" y="2599478"/>
            <a:ext cx="165100" cy="165100"/>
          </a:xfrm>
          <a:prstGeom prst="flowChartMerge">
            <a:avLst/>
          </a:prstGeom>
          <a:solidFill>
            <a:schemeClr val="accent2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T_e30a8482622949a8a9ceb84507192da0_Shape"/>
          <p:cNvSpPr/>
          <p:nvPr>
            <p:custDataLst>
              <p:tags r:id="rId29"/>
            </p:custDataLst>
          </p:nvPr>
        </p:nvSpPr>
        <p:spPr>
          <a:xfrm>
            <a:off x="6225156" y="3945254"/>
            <a:ext cx="381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" name="OTLSHAPE_T_e30a8482622949a8a9ceb84507192da0_ShapePercentage" hidden="1"/>
          <p:cNvSpPr/>
          <p:nvPr>
            <p:custDataLst>
              <p:tags r:id="rId30"/>
            </p:custDataLst>
          </p:nvPr>
        </p:nvSpPr>
        <p:spPr>
          <a:xfrm>
            <a:off x="6225156" y="394525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T_e30a8482622949a8a9ceb84507192da0_Duration" hidden="1"/>
          <p:cNvSpPr txBox="1"/>
          <p:nvPr>
            <p:custDataLst>
              <p:tags r:id="rId31"/>
            </p:custDataLst>
          </p:nvPr>
        </p:nvSpPr>
        <p:spPr>
          <a:xfrm>
            <a:off x="0" y="3945254"/>
            <a:ext cx="3302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6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20" name="OTLSHAPE_T_e30a8482622949a8a9ceb84507192da0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10027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21" name="OTLSHAPE_T_e30a8482622949a8a9ceb84507192da0_JoinedDate" hidden="1"/>
          <p:cNvSpPr txBox="1"/>
          <p:nvPr>
            <p:custDataLst>
              <p:tags r:id="rId33"/>
            </p:custDataLst>
          </p:nvPr>
        </p:nvSpPr>
        <p:spPr>
          <a:xfrm>
            <a:off x="0" y="410027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22" name="OTLSHAPE_T_e30a8482622949a8a9ceb84507192da0_StartDate"/>
          <p:cNvSpPr txBox="1"/>
          <p:nvPr>
            <p:custDataLst>
              <p:tags r:id="rId34"/>
            </p:custDataLst>
          </p:nvPr>
        </p:nvSpPr>
        <p:spPr>
          <a:xfrm>
            <a:off x="5625504" y="3969342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8/21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23" name="OTLSHAPE_T_e30a8482622949a8a9ceb84507192da0_EndDate"/>
          <p:cNvSpPr txBox="1"/>
          <p:nvPr>
            <p:custDataLst>
              <p:tags r:id="rId35"/>
            </p:custDataLst>
          </p:nvPr>
        </p:nvSpPr>
        <p:spPr>
          <a:xfrm>
            <a:off x="6648498" y="3969342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8/28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24" name="OTLSHAPE_T_e30a8482622949a8a9ceb84507192da0_Title"/>
          <p:cNvSpPr txBox="1"/>
          <p:nvPr>
            <p:custDataLst>
              <p:tags r:id="rId36"/>
            </p:custDataLst>
          </p:nvPr>
        </p:nvSpPr>
        <p:spPr>
          <a:xfrm>
            <a:off x="6301614" y="3961595"/>
            <a:ext cx="228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 smtClean="0">
                <a:solidFill>
                  <a:schemeClr val="dk1"/>
                </a:solidFill>
                <a:latin typeface="Calibri"/>
              </a:rPr>
              <a:t>test</a:t>
            </a:r>
            <a:endParaRPr lang="en-US" sz="1100" b="1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25" name="OTLSHAPE_T_d38b8ffe9959467aaa34886698a9512a_Shape"/>
          <p:cNvSpPr/>
          <p:nvPr>
            <p:custDataLst>
              <p:tags r:id="rId37"/>
            </p:custDataLst>
          </p:nvPr>
        </p:nvSpPr>
        <p:spPr>
          <a:xfrm>
            <a:off x="6597698" y="4211954"/>
            <a:ext cx="381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>
            <a:noFill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T_d38b8ffe9959467aaa34886698a9512a_ShapePercentage" hidden="1"/>
          <p:cNvSpPr/>
          <p:nvPr>
            <p:custDataLst>
              <p:tags r:id="rId38"/>
            </p:custDataLst>
          </p:nvPr>
        </p:nvSpPr>
        <p:spPr>
          <a:xfrm>
            <a:off x="6597698" y="421195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T_d38b8ffe9959467aaa34886698a9512a_Duration" hidden="1"/>
          <p:cNvSpPr txBox="1"/>
          <p:nvPr>
            <p:custDataLst>
              <p:tags r:id="rId39"/>
            </p:custDataLst>
          </p:nvPr>
        </p:nvSpPr>
        <p:spPr>
          <a:xfrm>
            <a:off x="0" y="4211954"/>
            <a:ext cx="3302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5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28" name="OTLSHAPE_T_d38b8ffe9959467aaa34886698a9512a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36697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29" name="OTLSHAPE_T_d38b8ffe9959467aaa34886698a9512a_JoinedDate" hidden="1"/>
          <p:cNvSpPr txBox="1"/>
          <p:nvPr>
            <p:custDataLst>
              <p:tags r:id="rId41"/>
            </p:custDataLst>
          </p:nvPr>
        </p:nvSpPr>
        <p:spPr>
          <a:xfrm>
            <a:off x="0" y="4366979"/>
            <a:ext cx="15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30" name="OTLSHAPE_T_d38b8ffe9959467aaa34886698a9512a_StartDate"/>
          <p:cNvSpPr txBox="1"/>
          <p:nvPr>
            <p:custDataLst>
              <p:tags r:id="rId42"/>
            </p:custDataLst>
          </p:nvPr>
        </p:nvSpPr>
        <p:spPr>
          <a:xfrm>
            <a:off x="5998047" y="4236042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8/29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31" name="OTLSHAPE_T_d38b8ffe9959467aaa34886698a9512a_EndDate"/>
          <p:cNvSpPr txBox="1"/>
          <p:nvPr>
            <p:custDataLst>
              <p:tags r:id="rId43"/>
            </p:custDataLst>
          </p:nvPr>
        </p:nvSpPr>
        <p:spPr>
          <a:xfrm>
            <a:off x="7021040" y="4236042"/>
            <a:ext cx="4953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9/5/2015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32" name="OTLSHAPE_T_d38b8ffe9959467aaa34886698a9512a_Title"/>
          <p:cNvSpPr txBox="1"/>
          <p:nvPr>
            <p:custDataLst>
              <p:tags r:id="rId44"/>
            </p:custDataLst>
          </p:nvPr>
        </p:nvSpPr>
        <p:spPr>
          <a:xfrm>
            <a:off x="6674156" y="4228295"/>
            <a:ext cx="228600" cy="170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 smtClean="0">
                <a:solidFill>
                  <a:schemeClr val="dk1"/>
                </a:solidFill>
                <a:latin typeface="Calibri"/>
              </a:rPr>
              <a:t>test</a:t>
            </a:r>
            <a:endParaRPr lang="en-US" sz="1100" b="1" spc="-18">
              <a:solidFill>
                <a:schemeClr val="dk1"/>
              </a:solidFill>
              <a:latin typeface="Calibri"/>
            </a:endParaRPr>
          </a:p>
        </p:txBody>
      </p:sp>
    </p:spTree>
    <p:custDataLst>
      <p:tags r:id="rId1"/>
    </p:custData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Sb2FkbWFwIiwiSXNUZW1wbGF0ZSI6ZmFsc2UsIlZlcnNpb24iOnsiJGlkIjoiMiIsIlZlcnNpb24iOiIzLjAuMSIsIk9yaWdpbmFsQXNzZW1ibHlWZXJzaW9uIjoiMy4wMS4wN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wNS0xNVQyMzo1OTo1OS45OTlaIiwiRW5kRGF0ZSI6IjIwMTUtMDktMDVUMjM6NTk6NTkuOTk5WiIsIkZvcm1hdCI6Ik1NTSIsIlR5cGUiOjIsIkF1dG9EYXRlUmFuZ2UiOnRydWUsIldvcmtpbmdEYXlzIjozMSwiVG9kYXlNYXJrZXJUZXh0IjoiVG9kYXkiLCJBdXRvU2NhbGVUeXBlIjpmYWxzZX0sIk1pbGVzdG9uZXMiOlt7IiRpZCI6IjEyMyIsIkRhdGUiOiIyMDE1LTA1LTE1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IkaWQiOiIxMzgiLCJSYXRpbyI6MC4wLCJJc0N1c3RvbSI6ZmFsc2V9LCJJZCI6Ijg4ZDk3MmNmLWQ3NjYtNDk4NS1iNmQ0LTYwMmU0N2U1ZjVmZiIsIlRpdGxlIjoiUENCIERlc2lnbiIsIk5vdGUiOm51bGwsIkh5cGVybGluayI6bnVsbCwiSXNDaGFuZ2VkIjpmYWxzZSwiSXNOZXciOmZhbHNlfSx7IiRpZCI6IjEzOSIsIkRhdGUiOiIyMDE1LTA2LTE5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zksIkciOjEyOSwiQiI6MTg5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3OSwiRyI6MTI5LCJCIjoxODl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NmUwMGY0ZDAtODUwZC00YjhhLTg3YjktZTAzNzBhNGFmMGRlIiwiVGl0bGUiOiJGUEdBIERldmVsb3BtZW50IiwiTm90ZSI6bnVsbCwiSHlwZXJsaW5rIjpudWxsLCJJc0NoYW5nZWQiOmZhbHNlLCJJc05ldyI6ZmFsc2V9LHsiJGlkIjoiMTU1IiwiRGF0ZSI6IjIwMTUtMDgtMTJ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xOTIsIkciOjgwLCJCIjo3N319LCJMaW5lV2VpZ2h0IjoxLjAsIkxpbmVUeXBlIjowLCJQYXJlbnRTdHlsZSI6eyIkcmVmIjoiNTUifX0sIklzQmVsb3dUaW1lYmFuZCI6ZmFsc2UsIkhpZGVEYXRlIjpmYWxzZSwiU2hhcGVTaXplIjoxLCJTcGFjaW5nIjoyLjAsIlBhZGRpbmciOnsiJHJlZiI6IjU4In0sIlNoYXBlU3R5bGUiOnsiJGlkIjoiMTYwIiwiTWFyZ2luIjp7IiRyZWYiOiI2MCJ9LCJQYWRkaW5nIjp7IiRyZWYiOiI2MSJ9LCJCYWNrZ3JvdW5kIjp7IiRpZCI6IjE2MSIsIkNvbG9yIjp7IiRpZCI6IjE2MiIsIkEiOjI1NSwiUiI6MTkyLCJHIjo4MCwiQiI6Nzd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UiLCJMaW5lQ29sb3IiOm51bGwsIkxpbmVXZWlnaHQiOjAuMCwiTGluZVR5cGUiOjAsIlBhcmVudFN0eWxlIjpudWxsfSwiUGFyZW50U3R5bGUiOnsiJHJlZiI6IjgxIn19LCJEdXJhdGlvblN0eWxlIjp7IiRpZCI6IjE3NiIsIkZvbnRTZXR0aW5ncyI6eyIkaWQiOiIx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giLCJMaW5lQ29sb3IiOm51bGwsIkxpbmVXZWlnaHQiOjAuMCwiTGluZVR5cGUiOjAsIlBhcmVudFN0eWxlIjpudWxsfSwiUGFyZW50U3R5bGUiOnsiJHJlZiI6Ijg4In19LCJIb3Jpem9udGFsQ29ubmVjdG9yU3R5bGUiOnsiJGlkIjoiMTc5IiwiTGluZUNvbG9yIjp7IiRyZWYiOiI5NiJ9LCJMaW5lV2VpZ2h0IjoxLjAsIkxpbmVUeXBlIjowLCJQYXJlbnRTdHlsZSI6eyIkcmVmIjoiOTUifX0sIlZlcnRpY2FsQ29ubmVjdG9yU3R5bGUiOnsiJGlkIjoiMTgw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gxIiwiTWFyZ2luIjp7IiRyZWYiOiIxMDIifSwiUGFkZGluZyI6eyIkcmVmIjoiMTAzIn0sIkJhY2tncm91bmQiOnsiJGlkIjoiMTgyIiwiQ29sb3IiOnsiJGlkIjoiMTgzIiwiQSI6MjU1LCJSIjowLCJHIjoxMTQsIkIiOjE4OH19LCJJc1Zpc2libGUiOnRydWUsIldpZHRoIjowLjAsIkhlaWdodCI6MTYuMCwiQm9yZGVyU3R5bGUiOnsiJGlkIjoiMTg0IiwiTGluZUNvbG9yIjp7IiRyZWYiOiIxMDUifSwiTGluZVdlaWdodCI6MC4wLCJMaW5lVHlwZSI6MCwiUGFyZW50U3R5bGUiOnsiJHJlZiI6IjEwNCJ9fSwiUGFyZW50U3R5bGUiOnsiJHJlZiI6IjEwMSJ9fSwiVGl0bGVTdHlsZSI6eyIkaWQiOiIxODUiLCJGb250U2V0dGluZ3MiOnsiJGlkIjoiMTg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NyIsIkxpbmVDb2xvciI6bnVsbCwiTGluZVdlaWdodCI6MC4wLCJMaW5lVHlwZSI6MCwiUGFyZW50U3R5bGUiOm51bGx9LCJQYXJlbnRTdHlsZSI6eyIkcmVmIjoiMTA3In19LCJEYXRlU3R5bGUiOnsiJGlkIjoiMTg4IiwiRm9udFNldHRpbmdzIjp7IiRpZCI6IjE4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1IiwiTGluZUNvbG9yIjpudWxsLCJMaW5lV2VpZ2h0IjowLjAsIkxpbmVUeXBlIjowLCJQYXJlbnRTdHlsZSI6bnVsbH0sIlBhcmVudFN0eWxlIjp7IiRyZWYiOiI4MSJ9fSwiRHVyYXRpb25TdHlsZSI6eyIkaWQiOiIxOTYiLCJGb250U2V0dGluZ3MiOnsiJGlkIjoiMT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4IiwiTGluZUNvbG9yIjpudWxsLCJMaW5lV2VpZ2h0IjowLjAsIkxpbmVUeXBlIjowLCJQYXJlbnRTdHlsZSI6bnVsbH0sIlBhcmVudFN0eWxlIjp7IiRyZWYiOiI4OCJ9fSwiSG9yaXpvbnRhbENvbm5lY3RvclN0eWxlIjp7IiRpZCI6IjE5OSIsIkxpbmVDb2xvciI6eyIkcmVmIjoiOTYifSwiTGluZVdlaWdodCI6MS4wLCJMaW5lVHlwZSI6MCwiUGFyZW50U3R5bGUiOnsiJHJlZiI6Ijk1In19LCJWZXJ0aWNhbENvbm5lY3RvclN0eWxlIjp7IiRpZCI6IjIwM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wMSIsIk1hcmdpbiI6eyIkcmVmIjoiMTAyIn0sIlBhZGRpbmciOnsiJHJlZiI6IjEwMyJ9LCJCYWNrZ3JvdW5kIjp7IiRpZCI6IjIwMiIsIkNvbG9yIjp7IiRpZCI6IjIwMyIsIkEiOjI1NSwiUiI6NzksIkciOjEyOSwiQiI6MTg5fX0sIklzVmlzaWJsZSI6dHJ1ZSwiV2lkdGgiOjAuMCwiSGVpZ2h0IjoxNi4wLCJCb3JkZXJTdHlsZSI6eyIkaWQiOiIyMDQiLCJMaW5lQ29sb3IiOnsiJHJlZiI6IjEwNSJ9LCJMaW5lV2VpZ2h0IjowLjAsIkxpbmVUeXBlIjowLCJQYXJlbnRTdHlsZSI6eyIkcmVmIjoiMTA0In19LCJQYXJlbnRTdHlsZSI6eyIkcmVmIjoiMTAxIn19LCJUaXRsZVN0eWxlIjp7IiRpZCI6IjIwNSIsIkZvbnRTZXR0aW5ncyI6eyIkaWQiOiIyM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3IiwiTGluZUNvbG9yIjpudWxsLCJMaW5lV2VpZ2h0IjowLjAsIkxpbmVUeXBlIjowLCJQYXJlbnRTdHlsZSI6bnVsbH0sIlBhcmVudFN0eWxlIjp7IiRyZWYiOiIxMDcifX0sIkRhdGVTdHlsZSI6eyIkaWQiOiIyMDgiLCJGb250U2V0dGluZ3MiOnsiJGlkIjoiMjA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AiLCJMaW5lQ29sb3IiOm51bGwsIkxpbmVXZWlnaHQiOjAuMCwiTGluZVR5cGUiOjAsIlBhcmVudFN0eWxlIjpudWxsfSwiUGFyZW50U3R5bGUiOnsiJHJlZiI6IjExNCJ9fSwiRGF0ZUZvcm1hdCI6eyIkcmVmIjoiMTIxIn0sIklzVmlzaWJsZSI6dHJ1ZSwiUGFyZW50U3R5bGUiOnsiJHJlZiI6IjgwIn19LCJJbmRleCI6MiwiSWQiOiJkMzhiOGZmZS05OTU5LTQ2N2EtYWEzNC04ODY2OThhOTUxMmEiLCJUaXRsZSI6InRlc3QiLCJOb3RlIjpudWxsLCJIeXBlcmxpbmsiOm51bGwsIklzQ2hhbmdlZCI6ZmFsc2UsIklzTmV3IjpmYWxzZX1dLCJTZXR0aW5ncyI6eyIkaWQiOiIyMTEiLCJJbXBhT3B0aW9ucyI6eyIkaWQiOiIyMT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64</TotalTime>
  <Words>135</Words>
  <Application>Microsoft Office PowerPoint</Application>
  <PresentationFormat>On-screen Show (4:3)</PresentationFormat>
  <Paragraphs>55</Paragraphs>
  <Slides>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3" baseType="lpstr">
      <vt:lpstr>Office Theme</vt:lpstr>
      <vt:lpstr>Slide 1</vt:lpstr>
      <vt:lpstr>Slide 2</vt:lpstr>
    </vt:vector>
  </TitlesOfParts>
  <Company>TTP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hao.ding</dc:creator>
  <cp:lastModifiedBy>hao.ding</cp:lastModifiedBy>
  <cp:revision>17</cp:revision>
  <dcterms:created xsi:type="dcterms:W3CDTF">2015-08-21T13:46:13Z</dcterms:created>
  <dcterms:modified xsi:type="dcterms:W3CDTF">2015-08-21T16:30:39Z</dcterms:modified>
</cp:coreProperties>
</file>